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`🎅令和5年12月🎄日現在\03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11月中の人口異動等(市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distributed" vertical="center"/>
    </xf>
    <xf numFmtId="0" fontId="2" fillId="0" borderId="17" xfId="1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1" customWidth="1"/>
    <col min="3" max="3" width="1.625" style="51" customWidth="1"/>
    <col min="4" max="12" width="10.625" style="51" customWidth="1"/>
    <col min="13" max="13" width="10.625" style="6" customWidth="1"/>
  </cols>
  <sheetData>
    <row r="1" spans="1:15" s="5" customFormat="1" ht="27.75" customHeight="1">
      <c r="A1" s="3"/>
      <c r="B1" s="4"/>
      <c r="C1" s="4"/>
      <c r="D1" s="77" t="s">
        <v>54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9</v>
      </c>
      <c r="C3" s="63"/>
      <c r="D3" s="80" t="s">
        <v>35</v>
      </c>
      <c r="E3" s="82" t="s">
        <v>50</v>
      </c>
      <c r="F3" s="64"/>
      <c r="G3" s="64"/>
      <c r="H3" s="82" t="s">
        <v>51</v>
      </c>
      <c r="I3" s="64"/>
      <c r="J3" s="64"/>
      <c r="K3" s="75" t="s">
        <v>36</v>
      </c>
      <c r="L3" s="65" t="s">
        <v>37</v>
      </c>
      <c r="M3" s="66" t="s">
        <v>38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6" t="s">
        <v>39</v>
      </c>
      <c r="G4" s="76" t="s">
        <v>40</v>
      </c>
      <c r="H4" s="83"/>
      <c r="I4" s="76" t="s">
        <v>41</v>
      </c>
      <c r="J4" s="76" t="s">
        <v>42</v>
      </c>
      <c r="K4" s="76" t="s">
        <v>43</v>
      </c>
      <c r="L4" s="68" t="s">
        <v>44</v>
      </c>
      <c r="M4" s="69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0" t="s">
        <v>29</v>
      </c>
      <c r="C6" s="21"/>
      <c r="D6" s="22">
        <v>-2524</v>
      </c>
      <c r="E6" s="23">
        <v>-3642</v>
      </c>
      <c r="F6" s="23">
        <v>4650</v>
      </c>
      <c r="G6" s="23">
        <v>8292</v>
      </c>
      <c r="H6" s="23">
        <v>1118</v>
      </c>
      <c r="I6" s="23">
        <v>33850</v>
      </c>
      <c r="J6" s="23">
        <v>32732</v>
      </c>
      <c r="K6" s="24">
        <v>-2.7346900964454988E-2</v>
      </c>
      <c r="L6" s="25">
        <v>98.25907943907562</v>
      </c>
      <c r="M6" s="26">
        <v>100</v>
      </c>
      <c r="N6" s="19"/>
      <c r="O6" s="62"/>
    </row>
    <row r="7" spans="1:15" s="6" customFormat="1" ht="21.75" customHeight="1">
      <c r="A7" s="14"/>
      <c r="B7" s="71" t="s">
        <v>30</v>
      </c>
      <c r="C7" s="28"/>
      <c r="D7" s="2">
        <v>-2305</v>
      </c>
      <c r="E7" s="29">
        <v>-3394</v>
      </c>
      <c r="F7" s="29">
        <v>4534</v>
      </c>
      <c r="G7" s="29">
        <v>7928</v>
      </c>
      <c r="H7" s="29">
        <v>1089</v>
      </c>
      <c r="I7" s="29">
        <v>32867</v>
      </c>
      <c r="J7" s="29">
        <v>31778</v>
      </c>
      <c r="K7" s="30">
        <v>-2.5768159453594282E-2</v>
      </c>
      <c r="L7" s="31">
        <v>98.312198953448487</v>
      </c>
      <c r="M7" s="32">
        <v>96.919944324513125</v>
      </c>
      <c r="N7" s="19"/>
    </row>
    <row r="8" spans="1:15" s="6" customFormat="1" ht="21.75" customHeight="1">
      <c r="A8" s="14"/>
      <c r="B8" s="71" t="s">
        <v>31</v>
      </c>
      <c r="C8" s="28"/>
      <c r="D8" s="2">
        <v>-219</v>
      </c>
      <c r="E8" s="29">
        <v>-248</v>
      </c>
      <c r="F8" s="29">
        <v>116</v>
      </c>
      <c r="G8" s="29">
        <v>364</v>
      </c>
      <c r="H8" s="29">
        <v>29</v>
      </c>
      <c r="I8" s="29">
        <v>983</v>
      </c>
      <c r="J8" s="29">
        <v>954</v>
      </c>
      <c r="K8" s="30">
        <v>-7.6999616759898318E-2</v>
      </c>
      <c r="L8" s="31">
        <v>96.601985403479645</v>
      </c>
      <c r="M8" s="32">
        <v>3.0800556754868653</v>
      </c>
      <c r="N8" s="19"/>
    </row>
    <row r="9" spans="1:15" s="6" customFormat="1" ht="21.75" customHeight="1">
      <c r="A9" s="14"/>
      <c r="B9" s="72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3" t="s">
        <v>32</v>
      </c>
      <c r="C10" s="39"/>
      <c r="D10" s="40">
        <v>-1432</v>
      </c>
      <c r="E10" s="41">
        <v>-1396</v>
      </c>
      <c r="F10" s="41">
        <v>1860</v>
      </c>
      <c r="G10" s="41">
        <v>3256</v>
      </c>
      <c r="H10" s="41">
        <v>-36</v>
      </c>
      <c r="I10" s="41">
        <v>14760</v>
      </c>
      <c r="J10" s="41">
        <v>14796</v>
      </c>
      <c r="K10" s="42">
        <v>-3.7967860418266892E-2</v>
      </c>
      <c r="L10" s="43">
        <v>97.238117360001581</v>
      </c>
      <c r="M10" s="44">
        <v>40.860108890813422</v>
      </c>
      <c r="N10" s="19"/>
    </row>
    <row r="11" spans="1:15" s="6" customFormat="1" ht="21.75" customHeight="1">
      <c r="A11" s="14"/>
      <c r="B11" s="71" t="s">
        <v>33</v>
      </c>
      <c r="C11" s="28"/>
      <c r="D11" s="2">
        <v>-66</v>
      </c>
      <c r="E11" s="29">
        <v>-174</v>
      </c>
      <c r="F11" s="29">
        <v>933</v>
      </c>
      <c r="G11" s="29">
        <v>1107</v>
      </c>
      <c r="H11" s="29">
        <v>108</v>
      </c>
      <c r="I11" s="29">
        <v>7126</v>
      </c>
      <c r="J11" s="29">
        <v>7018</v>
      </c>
      <c r="K11" s="30">
        <v>-4.2690594097831323E-3</v>
      </c>
      <c r="L11" s="31">
        <v>101.26727630633351</v>
      </c>
      <c r="M11" s="32">
        <v>16.754471991616814</v>
      </c>
      <c r="N11" s="19"/>
    </row>
    <row r="12" spans="1:15" s="6" customFormat="1" ht="21.75" customHeight="1">
      <c r="A12" s="38"/>
      <c r="B12" s="73" t="s">
        <v>34</v>
      </c>
      <c r="C12" s="39"/>
      <c r="D12" s="40">
        <v>-123</v>
      </c>
      <c r="E12" s="41">
        <v>-400</v>
      </c>
      <c r="F12" s="41">
        <v>330</v>
      </c>
      <c r="G12" s="41">
        <v>730</v>
      </c>
      <c r="H12" s="41">
        <v>277</v>
      </c>
      <c r="I12" s="41">
        <v>2499</v>
      </c>
      <c r="J12" s="41">
        <v>2222</v>
      </c>
      <c r="K12" s="42">
        <v>-1.6962943553391899E-2</v>
      </c>
      <c r="L12" s="43">
        <v>99.184291358268908</v>
      </c>
      <c r="M12" s="44">
        <v>7.8571992906501658</v>
      </c>
      <c r="N12" s="19"/>
    </row>
    <row r="13" spans="1:15" s="6" customFormat="1" ht="21.75" customHeight="1">
      <c r="A13" s="14"/>
      <c r="B13" s="71" t="s">
        <v>28</v>
      </c>
      <c r="C13" s="28"/>
      <c r="D13" s="2">
        <v>-376</v>
      </c>
      <c r="E13" s="29">
        <v>-331</v>
      </c>
      <c r="F13" s="29">
        <v>132</v>
      </c>
      <c r="G13" s="29">
        <v>463</v>
      </c>
      <c r="H13" s="29">
        <v>-45</v>
      </c>
      <c r="I13" s="29">
        <v>735</v>
      </c>
      <c r="J13" s="29">
        <v>780</v>
      </c>
      <c r="K13" s="30">
        <v>-0.10021963025353435</v>
      </c>
      <c r="L13" s="31">
        <v>99.060992968069513</v>
      </c>
      <c r="M13" s="32">
        <v>4.0619739307541822</v>
      </c>
      <c r="N13" s="19"/>
    </row>
    <row r="14" spans="1:15" s="6" customFormat="1" ht="21.75" customHeight="1">
      <c r="A14" s="38"/>
      <c r="B14" s="73" t="s">
        <v>2</v>
      </c>
      <c r="C14" s="39"/>
      <c r="D14" s="40">
        <v>47</v>
      </c>
      <c r="E14" s="41">
        <v>-135</v>
      </c>
      <c r="F14" s="41">
        <v>113</v>
      </c>
      <c r="G14" s="41">
        <v>248</v>
      </c>
      <c r="H14" s="41">
        <v>182</v>
      </c>
      <c r="I14" s="41">
        <v>744</v>
      </c>
      <c r="J14" s="41">
        <v>562</v>
      </c>
      <c r="K14" s="42">
        <v>1.8185898576856704E-2</v>
      </c>
      <c r="L14" s="43">
        <v>99.534528275670425</v>
      </c>
      <c r="M14" s="44">
        <v>2.8014289738172833</v>
      </c>
      <c r="N14" s="19"/>
    </row>
    <row r="15" spans="1:15" s="6" customFormat="1" ht="21.75" customHeight="1">
      <c r="A15" s="14"/>
      <c r="B15" s="71" t="s">
        <v>7</v>
      </c>
      <c r="C15" s="28"/>
      <c r="D15" s="2">
        <v>-92</v>
      </c>
      <c r="E15" s="29">
        <v>-104</v>
      </c>
      <c r="F15" s="29">
        <v>83</v>
      </c>
      <c r="G15" s="29">
        <v>187</v>
      </c>
      <c r="H15" s="29">
        <v>12</v>
      </c>
      <c r="I15" s="29">
        <v>460</v>
      </c>
      <c r="J15" s="29">
        <v>448</v>
      </c>
      <c r="K15" s="30">
        <v>-5.3638997883591714E-2</v>
      </c>
      <c r="L15" s="31">
        <v>88.412248307394705</v>
      </c>
      <c r="M15" s="32">
        <v>1.8578545386326992</v>
      </c>
      <c r="N15" s="19"/>
    </row>
    <row r="16" spans="1:15" s="6" customFormat="1" ht="21.75" customHeight="1">
      <c r="A16" s="38"/>
      <c r="B16" s="73" t="s">
        <v>1</v>
      </c>
      <c r="C16" s="39"/>
      <c r="D16" s="40">
        <v>-297</v>
      </c>
      <c r="E16" s="41">
        <v>-168</v>
      </c>
      <c r="F16" s="41">
        <v>242</v>
      </c>
      <c r="G16" s="41">
        <v>410</v>
      </c>
      <c r="H16" s="41">
        <v>-129</v>
      </c>
      <c r="I16" s="41">
        <v>1238</v>
      </c>
      <c r="J16" s="41">
        <v>1367</v>
      </c>
      <c r="K16" s="42">
        <v>-6.6878034281184981E-2</v>
      </c>
      <c r="L16" s="43">
        <v>97.348351780290727</v>
      </c>
      <c r="M16" s="44">
        <v>4.8097217732098514</v>
      </c>
      <c r="N16" s="19"/>
    </row>
    <row r="17" spans="1:14" s="6" customFormat="1" ht="21.75" customHeight="1">
      <c r="A17" s="14"/>
      <c r="B17" s="71" t="s">
        <v>6</v>
      </c>
      <c r="C17" s="28"/>
      <c r="D17" s="2">
        <v>-31</v>
      </c>
      <c r="E17" s="29">
        <v>-116</v>
      </c>
      <c r="F17" s="29">
        <v>99</v>
      </c>
      <c r="G17" s="29">
        <v>215</v>
      </c>
      <c r="H17" s="29">
        <v>85</v>
      </c>
      <c r="I17" s="29">
        <v>495</v>
      </c>
      <c r="J17" s="29">
        <v>410</v>
      </c>
      <c r="K17" s="30">
        <v>-1.6637774187835103E-2</v>
      </c>
      <c r="L17" s="31">
        <v>93.552140801462869</v>
      </c>
      <c r="M17" s="32">
        <v>2.0189787820385758</v>
      </c>
      <c r="N17" s="19"/>
    </row>
    <row r="18" spans="1:14" s="6" customFormat="1" ht="21.75" customHeight="1">
      <c r="A18" s="38"/>
      <c r="B18" s="73" t="s">
        <v>3</v>
      </c>
      <c r="C18" s="39"/>
      <c r="D18" s="40">
        <v>35</v>
      </c>
      <c r="E18" s="41">
        <v>-86</v>
      </c>
      <c r="F18" s="41">
        <v>131</v>
      </c>
      <c r="G18" s="41">
        <v>217</v>
      </c>
      <c r="H18" s="41">
        <v>121</v>
      </c>
      <c r="I18" s="41">
        <v>679</v>
      </c>
      <c r="J18" s="41">
        <v>558</v>
      </c>
      <c r="K18" s="42">
        <v>1.4252613318456319E-2</v>
      </c>
      <c r="L18" s="43">
        <v>93.894322999313175</v>
      </c>
      <c r="M18" s="44">
        <v>2.6617850728093653</v>
      </c>
      <c r="N18" s="19"/>
    </row>
    <row r="19" spans="1:14" s="6" customFormat="1" ht="21.75" customHeight="1">
      <c r="A19" s="14"/>
      <c r="B19" s="71" t="s">
        <v>13</v>
      </c>
      <c r="C19" s="28"/>
      <c r="D19" s="2">
        <v>6</v>
      </c>
      <c r="E19" s="29">
        <v>-34</v>
      </c>
      <c r="F19" s="29">
        <v>26</v>
      </c>
      <c r="G19" s="29">
        <v>60</v>
      </c>
      <c r="H19" s="29">
        <v>40</v>
      </c>
      <c r="I19" s="29">
        <v>163</v>
      </c>
      <c r="J19" s="29">
        <v>123</v>
      </c>
      <c r="K19" s="30">
        <v>1.0715625167431643E-2</v>
      </c>
      <c r="L19" s="31">
        <v>87.50711535241922</v>
      </c>
      <c r="M19" s="32">
        <v>0.60690095557178081</v>
      </c>
      <c r="N19" s="19"/>
    </row>
    <row r="20" spans="1:14" s="6" customFormat="1" ht="21.75" customHeight="1">
      <c r="A20" s="38"/>
      <c r="B20" s="73" t="s">
        <v>14</v>
      </c>
      <c r="C20" s="39"/>
      <c r="D20" s="40">
        <v>-27</v>
      </c>
      <c r="E20" s="41">
        <v>-48</v>
      </c>
      <c r="F20" s="41">
        <v>14</v>
      </c>
      <c r="G20" s="41">
        <v>62</v>
      </c>
      <c r="H20" s="41">
        <v>21</v>
      </c>
      <c r="I20" s="41">
        <v>113</v>
      </c>
      <c r="J20" s="41">
        <v>92</v>
      </c>
      <c r="K20" s="42">
        <v>-6.708907938874395E-2</v>
      </c>
      <c r="L20" s="43">
        <v>91.468697929064518</v>
      </c>
      <c r="M20" s="44">
        <v>0.43587104468268861</v>
      </c>
      <c r="N20" s="19"/>
    </row>
    <row r="21" spans="1:14" s="6" customFormat="1" ht="21.75" customHeight="1">
      <c r="A21" s="14"/>
      <c r="B21" s="71" t="s">
        <v>8</v>
      </c>
      <c r="C21" s="28"/>
      <c r="D21" s="2">
        <v>-32</v>
      </c>
      <c r="E21" s="29">
        <v>-91</v>
      </c>
      <c r="F21" s="29">
        <v>57</v>
      </c>
      <c r="G21" s="29">
        <v>148</v>
      </c>
      <c r="H21" s="29">
        <v>59</v>
      </c>
      <c r="I21" s="29">
        <v>466</v>
      </c>
      <c r="J21" s="29">
        <v>407</v>
      </c>
      <c r="K21" s="30">
        <v>-1.984397673293728E-2</v>
      </c>
      <c r="L21" s="31">
        <v>102.01227916301214</v>
      </c>
      <c r="M21" s="32">
        <v>1.7473207282811467</v>
      </c>
      <c r="N21" s="19"/>
    </row>
    <row r="22" spans="1:14" s="6" customFormat="1" ht="21.75" customHeight="1">
      <c r="A22" s="38"/>
      <c r="B22" s="73" t="s">
        <v>5</v>
      </c>
      <c r="C22" s="39"/>
      <c r="D22" s="40">
        <v>4</v>
      </c>
      <c r="E22" s="41">
        <v>-66</v>
      </c>
      <c r="F22" s="41">
        <v>115</v>
      </c>
      <c r="G22" s="41">
        <v>181</v>
      </c>
      <c r="H22" s="41">
        <v>70</v>
      </c>
      <c r="I22" s="41">
        <v>754</v>
      </c>
      <c r="J22" s="41">
        <v>684</v>
      </c>
      <c r="K22" s="42">
        <v>1.7849333773616901E-3</v>
      </c>
      <c r="L22" s="43">
        <v>106.23958918103091</v>
      </c>
      <c r="M22" s="44">
        <v>2.4287526196101217</v>
      </c>
      <c r="N22" s="19"/>
    </row>
    <row r="23" spans="1:14" s="6" customFormat="1" ht="21.75" customHeight="1">
      <c r="A23" s="14"/>
      <c r="B23" s="71" t="s">
        <v>4</v>
      </c>
      <c r="C23" s="28"/>
      <c r="D23" s="2">
        <v>104</v>
      </c>
      <c r="E23" s="29">
        <v>-69</v>
      </c>
      <c r="F23" s="29">
        <v>137</v>
      </c>
      <c r="G23" s="29">
        <v>206</v>
      </c>
      <c r="H23" s="29">
        <v>173</v>
      </c>
      <c r="I23" s="29">
        <v>963</v>
      </c>
      <c r="J23" s="29">
        <v>790</v>
      </c>
      <c r="K23" s="30">
        <v>4.2744176106005553E-2</v>
      </c>
      <c r="L23" s="31">
        <v>99.312185775346776</v>
      </c>
      <c r="M23" s="32">
        <v>2.6380288111865982</v>
      </c>
      <c r="N23" s="19"/>
    </row>
    <row r="24" spans="1:14" s="6" customFormat="1" ht="21.75" customHeight="1">
      <c r="A24" s="38"/>
      <c r="B24" s="73" t="s">
        <v>11</v>
      </c>
      <c r="C24" s="39"/>
      <c r="D24" s="40">
        <v>5</v>
      </c>
      <c r="E24" s="41">
        <v>-18</v>
      </c>
      <c r="F24" s="41">
        <v>60</v>
      </c>
      <c r="G24" s="41">
        <v>78</v>
      </c>
      <c r="H24" s="41">
        <v>23</v>
      </c>
      <c r="I24" s="41">
        <v>340</v>
      </c>
      <c r="J24" s="41">
        <v>317</v>
      </c>
      <c r="K24" s="42">
        <v>4.9265937530791207E-3</v>
      </c>
      <c r="L24" s="43">
        <v>102.37478066677301</v>
      </c>
      <c r="M24" s="44">
        <v>1.0999734367713332</v>
      </c>
      <c r="N24" s="19"/>
    </row>
    <row r="25" spans="1:14" s="6" customFormat="1" ht="21.75" customHeight="1">
      <c r="A25" s="14"/>
      <c r="B25" s="71" t="s">
        <v>9</v>
      </c>
      <c r="C25" s="28"/>
      <c r="D25" s="2">
        <v>3</v>
      </c>
      <c r="E25" s="29">
        <v>-41</v>
      </c>
      <c r="F25" s="29">
        <v>92</v>
      </c>
      <c r="G25" s="29">
        <v>133</v>
      </c>
      <c r="H25" s="29">
        <v>44</v>
      </c>
      <c r="I25" s="29">
        <v>449</v>
      </c>
      <c r="J25" s="29">
        <v>405</v>
      </c>
      <c r="K25" s="30">
        <v>2.1400139814246786E-3</v>
      </c>
      <c r="L25" s="31">
        <v>100.83233052547132</v>
      </c>
      <c r="M25" s="32">
        <v>1.5193278105082659</v>
      </c>
      <c r="N25" s="19"/>
    </row>
    <row r="26" spans="1:14" s="6" customFormat="1" ht="21.75" customHeight="1">
      <c r="A26" s="38"/>
      <c r="B26" s="73" t="s">
        <v>10</v>
      </c>
      <c r="C26" s="39"/>
      <c r="D26" s="40">
        <v>-100</v>
      </c>
      <c r="E26" s="41">
        <v>-53</v>
      </c>
      <c r="F26" s="41">
        <v>51</v>
      </c>
      <c r="G26" s="41">
        <v>104</v>
      </c>
      <c r="H26" s="41">
        <v>-47</v>
      </c>
      <c r="I26" s="41">
        <v>432</v>
      </c>
      <c r="J26" s="41">
        <v>479</v>
      </c>
      <c r="K26" s="42">
        <v>-7.5750115518926173E-2</v>
      </c>
      <c r="L26" s="43">
        <v>98.646206668072168</v>
      </c>
      <c r="M26" s="44">
        <v>1.4296349176296064</v>
      </c>
      <c r="N26" s="19"/>
    </row>
    <row r="27" spans="1:14" s="6" customFormat="1" ht="21.75" customHeight="1">
      <c r="A27" s="14"/>
      <c r="B27" s="71" t="s">
        <v>15</v>
      </c>
      <c r="C27" s="28"/>
      <c r="D27" s="2">
        <v>-22</v>
      </c>
      <c r="E27" s="29">
        <v>-32</v>
      </c>
      <c r="F27" s="29">
        <v>10</v>
      </c>
      <c r="G27" s="29">
        <v>42</v>
      </c>
      <c r="H27" s="29">
        <v>10</v>
      </c>
      <c r="I27" s="29">
        <v>95</v>
      </c>
      <c r="J27" s="29">
        <v>85</v>
      </c>
      <c r="K27" s="30">
        <v>-5.5302782735476737E-2</v>
      </c>
      <c r="L27" s="31">
        <v>95.404727969725272</v>
      </c>
      <c r="M27" s="32">
        <v>0.43089653551989204</v>
      </c>
      <c r="N27" s="19"/>
    </row>
    <row r="28" spans="1:14" s="6" customFormat="1" ht="21.75" customHeight="1">
      <c r="A28" s="38"/>
      <c r="B28" s="73" t="s">
        <v>12</v>
      </c>
      <c r="C28" s="39"/>
      <c r="D28" s="40">
        <v>89</v>
      </c>
      <c r="E28" s="41">
        <v>-32</v>
      </c>
      <c r="F28" s="41">
        <v>49</v>
      </c>
      <c r="G28" s="41">
        <v>81</v>
      </c>
      <c r="H28" s="41">
        <v>121</v>
      </c>
      <c r="I28" s="41">
        <v>356</v>
      </c>
      <c r="J28" s="41">
        <v>235</v>
      </c>
      <c r="K28" s="42">
        <v>0.10732201427744549</v>
      </c>
      <c r="L28" s="43">
        <v>101.87977238461163</v>
      </c>
      <c r="M28" s="44">
        <v>0.89971422040933824</v>
      </c>
      <c r="N28" s="19"/>
    </row>
    <row r="29" spans="1:14" s="6" customFormat="1" ht="21.75" customHeight="1">
      <c r="A29" s="14"/>
      <c r="B29" s="71" t="s">
        <v>47</v>
      </c>
      <c r="C29" s="28"/>
      <c r="D29" s="2">
        <v>4</v>
      </c>
      <c r="E29" s="29">
        <v>-13</v>
      </c>
      <c r="F29" s="29">
        <v>19</v>
      </c>
      <c r="G29" s="29">
        <v>32</v>
      </c>
      <c r="H29" s="29">
        <v>17</v>
      </c>
      <c r="I29" s="29">
        <v>83</v>
      </c>
      <c r="J29" s="29">
        <v>66</v>
      </c>
      <c r="K29" s="30">
        <v>1.2878300064391501E-2</v>
      </c>
      <c r="L29" s="31">
        <v>88.563797499089475</v>
      </c>
      <c r="M29" s="32">
        <v>0.33666264190220896</v>
      </c>
      <c r="N29" s="19"/>
    </row>
    <row r="30" spans="1:14" s="6" customFormat="1" ht="21.75" customHeight="1">
      <c r="A30" s="38"/>
      <c r="B30" s="73" t="s">
        <v>48</v>
      </c>
      <c r="C30" s="39"/>
      <c r="D30" s="40">
        <v>23</v>
      </c>
      <c r="E30" s="41">
        <v>-29</v>
      </c>
      <c r="F30" s="41">
        <v>22</v>
      </c>
      <c r="G30" s="41">
        <v>51</v>
      </c>
      <c r="H30" s="41">
        <v>52</v>
      </c>
      <c r="I30" s="41">
        <v>173</v>
      </c>
      <c r="J30" s="41">
        <v>121</v>
      </c>
      <c r="K30" s="42">
        <v>4.7311474060970089E-2</v>
      </c>
      <c r="L30" s="43">
        <v>102.84010342814247</v>
      </c>
      <c r="M30" s="44">
        <v>0.52711373017633711</v>
      </c>
      <c r="N30" s="19"/>
    </row>
    <row r="31" spans="1:14" s="6" customFormat="1" ht="21.75" customHeight="1">
      <c r="A31" s="14"/>
      <c r="B31" s="71" t="s">
        <v>24</v>
      </c>
      <c r="C31" s="28"/>
      <c r="D31" s="2">
        <v>-45</v>
      </c>
      <c r="E31" s="29">
        <v>-30</v>
      </c>
      <c r="F31" s="29">
        <v>15</v>
      </c>
      <c r="G31" s="29">
        <v>45</v>
      </c>
      <c r="H31" s="29">
        <v>-15</v>
      </c>
      <c r="I31" s="29">
        <v>71</v>
      </c>
      <c r="J31" s="29">
        <v>86</v>
      </c>
      <c r="K31" s="30">
        <v>-0.14464802314368372</v>
      </c>
      <c r="L31" s="31">
        <v>94.703854591037299</v>
      </c>
      <c r="M31" s="32">
        <v>0.33667347961280331</v>
      </c>
      <c r="N31" s="19"/>
    </row>
    <row r="32" spans="1:14" s="6" customFormat="1" ht="21.75" customHeight="1">
      <c r="A32" s="38"/>
      <c r="B32" s="73" t="s">
        <v>20</v>
      </c>
      <c r="C32" s="39"/>
      <c r="D32" s="40">
        <v>-1</v>
      </c>
      <c r="E32" s="41">
        <v>-13</v>
      </c>
      <c r="F32" s="41">
        <v>10</v>
      </c>
      <c r="G32" s="41">
        <v>23</v>
      </c>
      <c r="H32" s="41">
        <v>12</v>
      </c>
      <c r="I32" s="41">
        <v>78</v>
      </c>
      <c r="J32" s="41">
        <v>66</v>
      </c>
      <c r="K32" s="42">
        <v>-3.7104374605766021E-3</v>
      </c>
      <c r="L32" s="43">
        <v>91.814946619217082</v>
      </c>
      <c r="M32" s="44">
        <v>0.29207630051714306</v>
      </c>
      <c r="N32" s="19"/>
    </row>
    <row r="33" spans="1:22" s="6" customFormat="1" ht="21.75" customHeight="1">
      <c r="A33" s="14"/>
      <c r="B33" s="71" t="s">
        <v>19</v>
      </c>
      <c r="C33" s="28"/>
      <c r="D33" s="2">
        <v>-20</v>
      </c>
      <c r="E33" s="29">
        <v>-14</v>
      </c>
      <c r="F33" s="29">
        <v>1</v>
      </c>
      <c r="G33" s="29">
        <v>15</v>
      </c>
      <c r="H33" s="29">
        <v>-6</v>
      </c>
      <c r="I33" s="29">
        <v>18</v>
      </c>
      <c r="J33" s="29">
        <v>24</v>
      </c>
      <c r="K33" s="30">
        <v>-0.22304003568640571</v>
      </c>
      <c r="L33" s="31">
        <v>99.176313446126457</v>
      </c>
      <c r="M33" s="32">
        <v>9.6964996687453758E-2</v>
      </c>
      <c r="N33" s="19"/>
    </row>
    <row r="34" spans="1:22" s="6" customFormat="1" ht="21.75" customHeight="1">
      <c r="A34" s="38"/>
      <c r="B34" s="73" t="s">
        <v>22</v>
      </c>
      <c r="C34" s="39"/>
      <c r="D34" s="40">
        <v>10</v>
      </c>
      <c r="E34" s="41">
        <v>-11</v>
      </c>
      <c r="F34" s="41">
        <v>11</v>
      </c>
      <c r="G34" s="41">
        <v>22</v>
      </c>
      <c r="H34" s="41">
        <v>21</v>
      </c>
      <c r="I34" s="41">
        <v>50</v>
      </c>
      <c r="J34" s="41">
        <v>29</v>
      </c>
      <c r="K34" s="42">
        <v>5.7706734375901673E-2</v>
      </c>
      <c r="L34" s="43">
        <v>96.142533936651589</v>
      </c>
      <c r="M34" s="44">
        <v>0.18791506399505539</v>
      </c>
      <c r="N34" s="19"/>
    </row>
    <row r="35" spans="1:22" s="6" customFormat="1" ht="21.75" customHeight="1">
      <c r="A35" s="14"/>
      <c r="B35" s="71" t="s">
        <v>21</v>
      </c>
      <c r="C35" s="28"/>
      <c r="D35" s="2">
        <v>-63</v>
      </c>
      <c r="E35" s="29">
        <v>-11</v>
      </c>
      <c r="F35" s="29">
        <v>5</v>
      </c>
      <c r="G35" s="29">
        <v>16</v>
      </c>
      <c r="H35" s="29">
        <v>-52</v>
      </c>
      <c r="I35" s="29">
        <v>83</v>
      </c>
      <c r="J35" s="29">
        <v>135</v>
      </c>
      <c r="K35" s="30">
        <v>-0.60676105171915629</v>
      </c>
      <c r="L35" s="31">
        <v>99.381761978361666</v>
      </c>
      <c r="M35" s="32">
        <v>0.11184517333346629</v>
      </c>
      <c r="N35" s="19"/>
    </row>
    <row r="36" spans="1:22" s="6" customFormat="1" ht="21.75" customHeight="1">
      <c r="A36" s="38"/>
      <c r="B36" s="73" t="s">
        <v>17</v>
      </c>
      <c r="C36" s="39"/>
      <c r="D36" s="40">
        <v>-22</v>
      </c>
      <c r="E36" s="41">
        <v>-21</v>
      </c>
      <c r="F36" s="41">
        <v>1</v>
      </c>
      <c r="G36" s="41">
        <v>22</v>
      </c>
      <c r="H36" s="41">
        <v>-1</v>
      </c>
      <c r="I36" s="41">
        <v>17</v>
      </c>
      <c r="J36" s="41">
        <v>18</v>
      </c>
      <c r="K36" s="42">
        <v>-0.23822414726583649</v>
      </c>
      <c r="L36" s="43">
        <v>98.17164981716499</v>
      </c>
      <c r="M36" s="44">
        <v>9.9847827705545039E-2</v>
      </c>
      <c r="N36" s="19"/>
    </row>
    <row r="37" spans="1:22" s="6" customFormat="1" ht="21.75" customHeight="1">
      <c r="A37" s="14"/>
      <c r="B37" s="71" t="s">
        <v>26</v>
      </c>
      <c r="C37" s="28"/>
      <c r="D37" s="2">
        <v>6</v>
      </c>
      <c r="E37" s="29">
        <v>-7</v>
      </c>
      <c r="F37" s="29">
        <v>11</v>
      </c>
      <c r="G37" s="29">
        <v>18</v>
      </c>
      <c r="H37" s="29">
        <v>13</v>
      </c>
      <c r="I37" s="29">
        <v>63</v>
      </c>
      <c r="J37" s="29">
        <v>50</v>
      </c>
      <c r="K37" s="30">
        <v>3.1909801627399884E-2</v>
      </c>
      <c r="L37" s="31">
        <v>94.207537429013939</v>
      </c>
      <c r="M37" s="32">
        <v>0.20384649856871775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3" t="s">
        <v>27</v>
      </c>
      <c r="C38" s="39"/>
      <c r="D38" s="40">
        <v>-10</v>
      </c>
      <c r="E38" s="41">
        <v>-10</v>
      </c>
      <c r="F38" s="41">
        <v>4</v>
      </c>
      <c r="G38" s="41">
        <v>14</v>
      </c>
      <c r="H38" s="41">
        <v>0</v>
      </c>
      <c r="I38" s="41">
        <v>107</v>
      </c>
      <c r="J38" s="41">
        <v>107</v>
      </c>
      <c r="K38" s="42">
        <v>-9.1315861565153866E-2</v>
      </c>
      <c r="L38" s="43">
        <v>91.61120840630474</v>
      </c>
      <c r="M38" s="44">
        <v>0.11857539161254403</v>
      </c>
      <c r="N38" s="19"/>
    </row>
    <row r="39" spans="1:22" s="6" customFormat="1" ht="21.75" customHeight="1">
      <c r="A39" s="14"/>
      <c r="B39" s="71" t="s">
        <v>18</v>
      </c>
      <c r="C39" s="28"/>
      <c r="D39" s="2">
        <v>-21</v>
      </c>
      <c r="E39" s="29">
        <v>-15</v>
      </c>
      <c r="F39" s="29">
        <v>0</v>
      </c>
      <c r="G39" s="29">
        <v>15</v>
      </c>
      <c r="H39" s="29">
        <v>-6</v>
      </c>
      <c r="I39" s="29">
        <v>11</v>
      </c>
      <c r="J39" s="29">
        <v>17</v>
      </c>
      <c r="K39" s="30">
        <v>-0.3317011530563892</v>
      </c>
      <c r="L39" s="31">
        <v>86.300560968408618</v>
      </c>
      <c r="M39" s="32">
        <v>6.8385953850210485E-2</v>
      </c>
      <c r="N39" s="19"/>
    </row>
    <row r="40" spans="1:22" s="6" customFormat="1" ht="21.75" customHeight="1">
      <c r="A40" s="38"/>
      <c r="B40" s="73" t="s">
        <v>23</v>
      </c>
      <c r="C40" s="39"/>
      <c r="D40" s="40">
        <v>-25</v>
      </c>
      <c r="E40" s="41">
        <v>-33</v>
      </c>
      <c r="F40" s="41">
        <v>2</v>
      </c>
      <c r="G40" s="41">
        <v>35</v>
      </c>
      <c r="H40" s="41">
        <v>8</v>
      </c>
      <c r="I40" s="41">
        <v>94</v>
      </c>
      <c r="J40" s="41">
        <v>86</v>
      </c>
      <c r="K40" s="42">
        <v>-0.11153245594467991</v>
      </c>
      <c r="L40" s="43">
        <v>86.521159613462189</v>
      </c>
      <c r="M40" s="44">
        <v>0.24265634020700677</v>
      </c>
      <c r="N40" s="19"/>
    </row>
    <row r="41" spans="1:22" s="6" customFormat="1" ht="21.75" customHeight="1">
      <c r="A41" s="14"/>
      <c r="B41" s="71" t="s">
        <v>25</v>
      </c>
      <c r="C41" s="28"/>
      <c r="D41" s="2">
        <v>-52</v>
      </c>
      <c r="E41" s="29">
        <v>-39</v>
      </c>
      <c r="F41" s="29">
        <v>15</v>
      </c>
      <c r="G41" s="29">
        <v>54</v>
      </c>
      <c r="H41" s="29">
        <v>-13</v>
      </c>
      <c r="I41" s="29">
        <v>129</v>
      </c>
      <c r="J41" s="29">
        <v>142</v>
      </c>
      <c r="K41" s="30">
        <v>-0.1321541120260242</v>
      </c>
      <c r="L41" s="31">
        <v>109.78005551996584</v>
      </c>
      <c r="M41" s="32">
        <v>0.42587867551471814</v>
      </c>
      <c r="N41" s="19"/>
    </row>
    <row r="42" spans="1:22" s="6" customFormat="1" ht="21.75" customHeight="1">
      <c r="A42" s="38"/>
      <c r="B42" s="73" t="s">
        <v>16</v>
      </c>
      <c r="C42" s="39"/>
      <c r="D42" s="40">
        <v>-3</v>
      </c>
      <c r="E42" s="41">
        <v>-2</v>
      </c>
      <c r="F42" s="41">
        <v>0</v>
      </c>
      <c r="G42" s="41">
        <v>2</v>
      </c>
      <c r="H42" s="41">
        <v>-1</v>
      </c>
      <c r="I42" s="41">
        <v>6</v>
      </c>
      <c r="J42" s="41">
        <v>7</v>
      </c>
      <c r="K42" s="42">
        <v>-0.10273972602739725</v>
      </c>
      <c r="L42" s="43">
        <v>104.98945888966971</v>
      </c>
      <c r="M42" s="44">
        <v>3.1613601803655147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4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2</v>
      </c>
      <c r="N44" s="56"/>
    </row>
    <row r="45" spans="1:22" s="51" customFormat="1" ht="17.25" customHeight="1">
      <c r="A45" s="60" t="s">
        <v>53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3-12-18T06:25:01Z</dcterms:modified>
</cp:coreProperties>
</file>